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22. Subkutánny implantovateľný kardioverter - defibrilátor s príslušenstvom\PTK\Odoslané\"/>
    </mc:Choice>
  </mc:AlternateContent>
  <bookViews>
    <workbookView xWindow="0" yWindow="0" windowWidth="23040" windowHeight="9195"/>
  </bookViews>
  <sheets>
    <sheet name="Cenová ponuka" sheetId="8" r:id="rId1"/>
  </sheets>
  <definedNames>
    <definedName name="_xlnm.Print_Area" localSheetId="0">'Cenová ponuka'!$B$1:$F$11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9" uniqueCount="140">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3.</t>
  </si>
  <si>
    <t>xxx</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60000000-8 Dopravné služby (bez prepravy odpadu)</t>
  </si>
  <si>
    <t>Subkutánny implantovateľný kardioverter - defibrilátor s príslušenstvom</t>
  </si>
  <si>
    <t>Položka č. 2</t>
  </si>
  <si>
    <t>Elektródy k subkutánnemu implantovateľnému kardioverter - defibrilátoru</t>
  </si>
  <si>
    <t>Položka č. 1 - Subkutánny implantovateľný kardioverter - defibrilátor s príslušenstvom</t>
  </si>
  <si>
    <t>požaduje sa kompletná subkutánna implantácia impulzogenerátora a elektródového systému bez potreby intrakardiálne implantovanej elektródy</t>
  </si>
  <si>
    <t>požaduje sa možnosť automatickej optimalizácie a výberu detekčného vektora, s maximálnou energiou terapeutického výboja 80 J a post - šokovou stimuláciou 30 sec.</t>
  </si>
  <si>
    <t>požaduje sa možnosť nastavenie dvoch detekčných zón</t>
  </si>
  <si>
    <t>požaduje sa, aby súčasťou položky č. 1 bolo aj nasledovné príslušenstvo:</t>
  </si>
  <si>
    <t>špeciálny zavádzač k subkutánnej elektróde (položke č. 2 )</t>
  </si>
  <si>
    <t>požaduje sa, aby každá časť položky č. 1 bola samostatne sterilne balená</t>
  </si>
  <si>
    <t>požaduje sa, aby obal balenia obsahoval aspoň názov a katalógové číslo.</t>
  </si>
  <si>
    <t>Položka č. 2 - Elektródy k subkutánnemu implantovateľnému kardioverter - defibrilátoru</t>
  </si>
  <si>
    <t>požaduje sa zavádzanie elektródy nie transvenózne</t>
  </si>
  <si>
    <t>požaduje sa, aby položka č. 2 bola samostatne sterilne balená</t>
  </si>
  <si>
    <t>Požaduje sa uzatvorenie rámcovej dohody, a to na na dohodnuté zmluvné obdobie dvadsiatichštyroch (24)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v zmysle § 340b ods. 5 zákona č. 513/1991 Z. z. Obchodného zákonníka v znení neskorších predpisov splatnosť faktúry v lehote šesťdesiatich (60) kalendárnych dní odo dňa jej doručenia objednávateľovi.</t>
  </si>
  <si>
    <t>Požaduje sa, aby dodávateľom poskytovaný predmet plnenia bol (v prípade ak je to relevantné), v súlade s:</t>
  </si>
  <si>
    <t>a) aktuálnym Cenovým opatrením MZ SR, ktorým sa ustanovuje rozsah regulácie cien v oblasti zdravotníctva,</t>
  </si>
  <si>
    <t>V prípade, ak sa na predmet zákazky vykonala prípravná trhová konzultácia, informácie k prípravnej trhovej konzultácie verejný obstarávateľ zverejňuje na www.vusch.sk/verejne-obstaravanie/.</t>
  </si>
  <si>
    <t>3.1</t>
  </si>
  <si>
    <t>3.2</t>
  </si>
  <si>
    <t>3.3</t>
  </si>
  <si>
    <t>3.4</t>
  </si>
  <si>
    <t>3.5</t>
  </si>
  <si>
    <t>8.</t>
  </si>
  <si>
    <t>9.</t>
  </si>
  <si>
    <t>10.</t>
  </si>
  <si>
    <t>11.</t>
  </si>
  <si>
    <t>12.</t>
  </si>
  <si>
    <t>15.</t>
  </si>
  <si>
    <t>16.</t>
  </si>
  <si>
    <t>17.</t>
  </si>
  <si>
    <t>19.</t>
  </si>
  <si>
    <t>20.</t>
  </si>
  <si>
    <t>21.</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b) zákonom č. 363/2011 Z. z. o rozsahu a podmienkach úhrady liekov, zdravotníckych pomôcok a dietetických potravín na základe verejného zdravotného poistenia a o zmene a doplnení niektorých zákonov v znení neskorších predpisov,</t>
  </si>
  <si>
    <t>d) aktuálne platným Zoznamom kategorizovaných špeciálnych zdravotníckych materiálov,</t>
  </si>
  <si>
    <t>c) aktuálne platným Zoznamom liekov s úradne určenou cenou,</t>
  </si>
  <si>
    <t>f) aktuálne platným Zoznamom nekategorizovaných špeciálnych zdravotníckych materiálov s maximálnou výškou úhrady poisťovne Všeobecná zdravotná poisťovna, a.s., DÔVERA zdravotná poisťovňa, a.s. a Union zdravotná poisťovňa, a.s.</t>
  </si>
  <si>
    <t>e) aktuálne platným Zoznamom 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12.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Tá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8.</t>
  </si>
  <si>
    <t>33182100-0 Defibrilátory</t>
  </si>
  <si>
    <t>33182240-3 Časti a príslušenstvo srdcových stimulátorov</t>
  </si>
  <si>
    <t>Subkutánne ICD sa používa u pacientov, ktorí nemajú transvenózny prístup pre implantáciu klasického ICD alebo sú po opakovaných infekciách stimulačného systému.</t>
  </si>
  <si>
    <t xml:space="preserve">Požadovaný počet MJ za zmluvné obdobie 48 mesiacov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thin">
        <color auto="1"/>
      </left>
      <right style="thin">
        <color auto="1"/>
      </right>
      <top style="thin">
        <color auto="1"/>
      </top>
      <bottom/>
      <diagonal/>
    </border>
    <border>
      <left style="thin">
        <color auto="1"/>
      </left>
      <right/>
      <top style="thin">
        <color auto="1"/>
      </top>
      <bottom/>
      <diagonal/>
    </border>
    <border>
      <left/>
      <right style="medium">
        <color indexed="64"/>
      </right>
      <top style="thin">
        <color auto="1"/>
      </top>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diagonal/>
    </border>
    <border>
      <left style="medium">
        <color auto="1"/>
      </left>
      <right style="thin">
        <color auto="1"/>
      </right>
      <top style="dotted">
        <color auto="1"/>
      </top>
      <bottom style="dotted">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thin">
        <color auto="1"/>
      </bottom>
      <diagonal/>
    </border>
    <border>
      <left style="thin">
        <color auto="1"/>
      </left>
      <right style="thin">
        <color auto="1"/>
      </right>
      <top style="dotted">
        <color indexed="64"/>
      </top>
      <bottom style="dotted">
        <color auto="1"/>
      </bottom>
      <diagonal/>
    </border>
    <border>
      <left style="thin">
        <color auto="1"/>
      </left>
      <right style="thin">
        <color auto="1"/>
      </right>
      <top/>
      <bottom style="dotted">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6" xfId="0" applyNumberFormat="1" applyFont="1" applyFill="1" applyBorder="1" applyAlignment="1">
      <alignment horizontal="center" vertical="center" wrapText="1"/>
    </xf>
    <xf numFmtId="49" fontId="2" fillId="0" borderId="27" xfId="0" applyNumberFormat="1" applyFont="1" applyFill="1" applyBorder="1" applyAlignment="1">
      <alignment horizontal="center" vertical="center" wrapText="1"/>
    </xf>
    <xf numFmtId="49" fontId="4" fillId="0" borderId="10" xfId="0" applyNumberFormat="1" applyFont="1" applyFill="1" applyBorder="1" applyAlignment="1">
      <alignment vertical="center" wrapText="1"/>
    </xf>
    <xf numFmtId="49" fontId="4" fillId="0" borderId="20" xfId="0" applyNumberFormat="1" applyFont="1" applyFill="1" applyBorder="1" applyAlignment="1">
      <alignment vertical="center" wrapText="1"/>
    </xf>
    <xf numFmtId="0" fontId="2" fillId="0" borderId="10" xfId="0" applyFont="1" applyFill="1" applyBorder="1" applyAlignment="1">
      <alignment horizontal="left" vertical="center" wrapText="1"/>
    </xf>
    <xf numFmtId="49" fontId="2" fillId="0" borderId="11" xfId="0" applyNumberFormat="1" applyFont="1" applyBorder="1" applyAlignment="1">
      <alignment horizontal="center" vertical="center"/>
    </xf>
    <xf numFmtId="0" fontId="2" fillId="0" borderId="29" xfId="0" applyFont="1" applyFill="1" applyBorder="1" applyAlignment="1">
      <alignment horizontal="left" vertical="center" wrapText="1"/>
    </xf>
    <xf numFmtId="0" fontId="7" fillId="0" borderId="29" xfId="0" applyNumberFormat="1" applyFont="1" applyBorder="1" applyAlignment="1">
      <alignment horizontal="center" vertical="center" wrapText="1"/>
    </xf>
    <xf numFmtId="0" fontId="2" fillId="0" borderId="31" xfId="0" applyFont="1" applyFill="1" applyBorder="1" applyAlignment="1">
      <alignment horizontal="left" vertical="center" wrapText="1"/>
    </xf>
    <xf numFmtId="0" fontId="2" fillId="0" borderId="5" xfId="0" applyFont="1" applyFill="1" applyBorder="1" applyAlignment="1">
      <alignment horizontal="left" vertical="center" wrapText="1"/>
    </xf>
    <xf numFmtId="0" fontId="4" fillId="0" borderId="5" xfId="0" applyFont="1" applyFill="1" applyBorder="1" applyAlignment="1">
      <alignment horizontal="left" vertical="center" wrapText="1"/>
    </xf>
    <xf numFmtId="49" fontId="2" fillId="0" borderId="25" xfId="0" applyNumberFormat="1" applyFont="1" applyBorder="1" applyAlignment="1">
      <alignment horizontal="center" vertical="center"/>
    </xf>
    <xf numFmtId="49" fontId="4" fillId="0" borderId="34" xfId="0" applyNumberFormat="1" applyFont="1" applyFill="1" applyBorder="1" applyAlignment="1">
      <alignment vertical="center" wrapText="1"/>
    </xf>
    <xf numFmtId="0" fontId="2" fillId="0" borderId="34" xfId="0" applyNumberFormat="1" applyFont="1" applyBorder="1" applyAlignment="1">
      <alignment horizontal="center" vertical="center" wrapText="1"/>
    </xf>
    <xf numFmtId="49" fontId="2" fillId="0" borderId="35" xfId="0" applyNumberFormat="1" applyFont="1" applyBorder="1" applyAlignment="1">
      <alignment horizontal="left" vertical="center" wrapText="1"/>
    </xf>
    <xf numFmtId="49" fontId="2" fillId="0" borderId="36"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33" xfId="0" applyNumberFormat="1" applyFont="1" applyBorder="1" applyAlignment="1">
      <alignment horizontal="left" vertical="center" wrapText="1"/>
    </xf>
    <xf numFmtId="0" fontId="4" fillId="0" borderId="23" xfId="0" applyFont="1" applyFill="1" applyBorder="1" applyAlignment="1">
      <alignment horizontal="left" vertical="center" wrapText="1"/>
    </xf>
    <xf numFmtId="0" fontId="4" fillId="6" borderId="10" xfId="0" applyFont="1" applyFill="1" applyBorder="1" applyAlignment="1">
      <alignment horizontal="left" vertical="center" wrapText="1"/>
    </xf>
    <xf numFmtId="0" fontId="13" fillId="6" borderId="0" xfId="0" applyFont="1" applyFill="1" applyBorder="1" applyAlignment="1">
      <alignment horizontal="justify" vertical="center"/>
    </xf>
    <xf numFmtId="0" fontId="4" fillId="6" borderId="34" xfId="0" applyFont="1" applyFill="1" applyBorder="1" applyAlignment="1">
      <alignment horizontal="left" vertical="center" wrapText="1"/>
    </xf>
    <xf numFmtId="49" fontId="2" fillId="0" borderId="37" xfId="0" applyNumberFormat="1" applyFont="1" applyFill="1" applyBorder="1" applyAlignment="1">
      <alignment horizontal="center" vertical="center" wrapText="1"/>
    </xf>
    <xf numFmtId="49" fontId="2" fillId="0" borderId="26" xfId="0" applyNumberFormat="1" applyFont="1" applyFill="1" applyBorder="1" applyAlignment="1">
      <alignment horizontal="right" vertical="center" wrapText="1"/>
    </xf>
    <xf numFmtId="49" fontId="2" fillId="0" borderId="38" xfId="0" applyNumberFormat="1" applyFont="1" applyFill="1" applyBorder="1" applyAlignment="1">
      <alignment horizontal="right" vertical="center" wrapText="1"/>
    </xf>
    <xf numFmtId="49" fontId="2" fillId="0" borderId="39" xfId="0" applyNumberFormat="1" applyFont="1" applyFill="1" applyBorder="1" applyAlignment="1">
      <alignment horizontal="right" vertical="center" wrapText="1"/>
    </xf>
    <xf numFmtId="49" fontId="2" fillId="0" borderId="27" xfId="0" applyNumberFormat="1" applyFont="1" applyFill="1" applyBorder="1" applyAlignment="1">
      <alignment horizontal="right" vertical="center" wrapText="1"/>
    </xf>
    <xf numFmtId="49" fontId="4" fillId="0" borderId="8" xfId="0" applyNumberFormat="1" applyFont="1" applyFill="1" applyBorder="1" applyAlignment="1">
      <alignment horizontal="center" vertical="center" wrapText="1"/>
    </xf>
    <xf numFmtId="0" fontId="4" fillId="0" borderId="41"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0" borderId="29" xfId="0" applyFont="1" applyFill="1" applyBorder="1" applyAlignment="1">
      <alignment horizontal="left" vertical="center" wrapText="1"/>
    </xf>
    <xf numFmtId="0" fontId="4" fillId="6" borderId="43" xfId="0" applyFont="1" applyFill="1" applyBorder="1" applyAlignment="1">
      <alignment horizontal="left" vertical="center" wrapText="1"/>
    </xf>
    <xf numFmtId="0" fontId="4" fillId="0" borderId="43" xfId="0" applyFont="1" applyFill="1" applyBorder="1" applyAlignment="1">
      <alignment horizontal="left" vertical="center" wrapText="1"/>
    </xf>
    <xf numFmtId="49" fontId="2" fillId="0" borderId="25" xfId="0" applyNumberFormat="1" applyFont="1" applyFill="1" applyBorder="1" applyAlignment="1">
      <alignment horizontal="right" vertical="center" wrapText="1"/>
    </xf>
    <xf numFmtId="16" fontId="5" fillId="0" borderId="0" xfId="0" applyNumberFormat="1" applyFont="1" applyFill="1" applyAlignment="1">
      <alignment horizontal="left" vertical="top" wrapText="1"/>
    </xf>
    <xf numFmtId="3" fontId="4" fillId="6" borderId="10" xfId="0" applyNumberFormat="1" applyFont="1" applyFill="1" applyBorder="1" applyAlignment="1">
      <alignment horizontal="center" vertical="center" wrapText="1"/>
    </xf>
    <xf numFmtId="0" fontId="4" fillId="6" borderId="0" xfId="0" applyFont="1" applyFill="1" applyAlignment="1">
      <alignment horizontal="left" vertical="top"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25"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49" fontId="2" fillId="0" borderId="27" xfId="0" applyNumberFormat="1" applyFont="1" applyFill="1" applyBorder="1" applyAlignment="1">
      <alignment horizontal="center" vertical="center" wrapText="1"/>
    </xf>
    <xf numFmtId="0" fontId="2" fillId="0" borderId="5" xfId="0" applyFont="1" applyFill="1" applyBorder="1" applyAlignment="1">
      <alignment horizontal="left" vertical="center" wrapText="1"/>
    </xf>
    <xf numFmtId="0" fontId="2" fillId="0" borderId="28"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5" fillId="0" borderId="0" xfId="0" applyNumberFormat="1"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30" xfId="0" applyFont="1" applyFill="1" applyBorder="1" applyAlignment="1">
      <alignment horizontal="center" vertical="center" wrapText="1"/>
    </xf>
    <xf numFmtId="0" fontId="2" fillId="0" borderId="28" xfId="0" applyFont="1" applyFill="1" applyBorder="1" applyAlignment="1">
      <alignment horizontal="center" vertical="center" wrapText="1"/>
    </xf>
    <xf numFmtId="0" fontId="4" fillId="0" borderId="0" xfId="0" applyFont="1" applyFill="1" applyAlignment="1">
      <alignment horizontal="left" vertical="top" wrapText="1"/>
    </xf>
    <xf numFmtId="49" fontId="4" fillId="6"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1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9525</xdr:rowOff>
        </xdr:from>
        <xdr:to>
          <xdr:col>1</xdr:col>
          <xdr:colOff>885825</xdr:colOff>
          <xdr:row>31</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0</xdr:rowOff>
        </xdr:from>
        <xdr:to>
          <xdr:col>1</xdr:col>
          <xdr:colOff>88582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131"/>
  <sheetViews>
    <sheetView showGridLines="0" tabSelected="1" zoomScale="80" zoomScaleNormal="80" workbookViewId="0">
      <selection activeCell="B9" sqref="B9:F9"/>
    </sheetView>
  </sheetViews>
  <sheetFormatPr defaultColWidth="9.140625"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24" t="s">
        <v>46</v>
      </c>
      <c r="C1" s="124"/>
      <c r="D1" s="124"/>
      <c r="E1" s="124"/>
      <c r="F1" s="124"/>
    </row>
    <row r="2" spans="2:6" ht="27.75" customHeight="1" x14ac:dyDescent="0.2">
      <c r="B2" s="123" t="s">
        <v>44</v>
      </c>
      <c r="C2" s="123"/>
      <c r="D2" s="123"/>
      <c r="E2" s="123"/>
      <c r="F2" s="123"/>
    </row>
    <row r="3" spans="2:6" ht="54.75" customHeight="1" x14ac:dyDescent="0.2">
      <c r="B3" s="119" t="s">
        <v>50</v>
      </c>
      <c r="C3" s="119"/>
      <c r="D3" s="119"/>
      <c r="E3" s="119"/>
      <c r="F3" s="119"/>
    </row>
    <row r="4" spans="2:6" ht="24.95" customHeight="1" x14ac:dyDescent="0.2">
      <c r="B4" s="41" t="s">
        <v>49</v>
      </c>
      <c r="C4" s="42"/>
      <c r="D4" s="38"/>
      <c r="E4" s="38"/>
      <c r="F4" s="38"/>
    </row>
    <row r="5" spans="2:6" ht="24.95" customHeight="1" x14ac:dyDescent="0.2">
      <c r="B5" s="41" t="s">
        <v>47</v>
      </c>
      <c r="C5" s="43"/>
      <c r="D5" s="38"/>
      <c r="E5" s="38"/>
      <c r="F5" s="38"/>
    </row>
    <row r="6" spans="2:6" ht="5.0999999999999996" customHeight="1" x14ac:dyDescent="0.2">
      <c r="B6" s="38"/>
      <c r="C6" s="38"/>
      <c r="D6" s="38"/>
      <c r="E6" s="38"/>
      <c r="F6" s="38"/>
    </row>
    <row r="7" spans="2:6" s="2" customFormat="1" ht="20.100000000000001" customHeight="1" x14ac:dyDescent="0.25">
      <c r="B7" s="115" t="s">
        <v>4</v>
      </c>
      <c r="C7" s="115"/>
      <c r="D7" s="115"/>
      <c r="E7" s="115"/>
      <c r="F7" s="115"/>
    </row>
    <row r="8" spans="2:6" s="2" customFormat="1" ht="20.100000000000001" customHeight="1" x14ac:dyDescent="0.25">
      <c r="B8" s="120" t="s">
        <v>8</v>
      </c>
      <c r="C8" s="120"/>
      <c r="D8" s="120"/>
      <c r="E8" s="120"/>
      <c r="F8" s="120"/>
    </row>
    <row r="9" spans="2:6" ht="29.25" customHeight="1" x14ac:dyDescent="0.2">
      <c r="B9" s="122" t="s">
        <v>71</v>
      </c>
      <c r="C9" s="122"/>
      <c r="D9" s="122"/>
      <c r="E9" s="122"/>
      <c r="F9" s="122"/>
    </row>
    <row r="10" spans="2:6" ht="4.5" customHeight="1" x14ac:dyDescent="0.2">
      <c r="B10" s="40"/>
      <c r="C10" s="40"/>
      <c r="D10" s="40"/>
      <c r="E10" s="40"/>
      <c r="F10" s="40"/>
    </row>
    <row r="11" spans="2:6" s="2" customFormat="1" ht="20.100000000000001" customHeight="1" x14ac:dyDescent="0.25">
      <c r="B11" s="121" t="s">
        <v>9</v>
      </c>
      <c r="C11" s="121"/>
      <c r="D11" s="121"/>
      <c r="E11" s="121"/>
      <c r="F11" s="121"/>
    </row>
    <row r="12" spans="2:6" s="2" customFormat="1" ht="20.100000000000001" customHeight="1" x14ac:dyDescent="0.25">
      <c r="B12" s="96" t="s">
        <v>136</v>
      </c>
      <c r="C12" s="96"/>
      <c r="D12" s="96"/>
      <c r="E12" s="44"/>
      <c r="F12" s="44"/>
    </row>
    <row r="13" spans="2:6" s="2" customFormat="1" ht="20.100000000000001" customHeight="1" x14ac:dyDescent="0.25">
      <c r="B13" s="96" t="s">
        <v>137</v>
      </c>
      <c r="C13" s="96"/>
      <c r="D13" s="96"/>
      <c r="E13" s="94"/>
      <c r="F13" s="94"/>
    </row>
    <row r="14" spans="2:6" s="3" customFormat="1" ht="20.100000000000001" customHeight="1" x14ac:dyDescent="0.25">
      <c r="B14" s="140" t="s">
        <v>70</v>
      </c>
      <c r="C14" s="140"/>
      <c r="D14" s="140"/>
      <c r="E14" s="18"/>
      <c r="F14" s="19"/>
    </row>
    <row r="15" spans="2:6" ht="4.5" customHeight="1" x14ac:dyDescent="0.2">
      <c r="B15" s="45"/>
      <c r="C15" s="45"/>
      <c r="D15" s="45"/>
      <c r="E15" s="40"/>
      <c r="F15" s="40"/>
    </row>
    <row r="16" spans="2:6" ht="20.100000000000001" customHeight="1" x14ac:dyDescent="0.2">
      <c r="B16" s="39" t="s">
        <v>10</v>
      </c>
      <c r="C16" s="20"/>
      <c r="D16" s="20"/>
      <c r="E16" s="21"/>
      <c r="F16" s="21"/>
    </row>
    <row r="17" spans="2:9" s="3" customFormat="1" ht="24.95" customHeight="1" x14ac:dyDescent="0.25">
      <c r="B17" s="143" t="s">
        <v>61</v>
      </c>
      <c r="C17" s="143"/>
      <c r="D17" s="143"/>
      <c r="E17" s="18"/>
      <c r="F17" s="19"/>
    </row>
    <row r="18" spans="2:9" ht="5.0999999999999996" customHeight="1" x14ac:dyDescent="0.2">
      <c r="B18" s="142"/>
      <c r="C18" s="142"/>
      <c r="D18" s="142"/>
      <c r="F18" s="15"/>
    </row>
    <row r="19" spans="2:9" s="2" customFormat="1" ht="20.100000000000001" customHeight="1" x14ac:dyDescent="0.25">
      <c r="B19" s="115" t="s">
        <v>22</v>
      </c>
      <c r="C19" s="115"/>
      <c r="D19" s="115"/>
      <c r="E19" s="115"/>
      <c r="F19" s="115"/>
    </row>
    <row r="20" spans="2:9" ht="33.75" customHeight="1" x14ac:dyDescent="0.2">
      <c r="B20" s="141" t="s">
        <v>138</v>
      </c>
      <c r="C20" s="141"/>
      <c r="D20" s="141"/>
      <c r="E20" s="141"/>
      <c r="F20" s="141"/>
    </row>
    <row r="21" spans="2:9" ht="5.0999999999999996" customHeight="1" x14ac:dyDescent="0.2">
      <c r="B21" s="142"/>
      <c r="C21" s="142"/>
      <c r="D21" s="142"/>
      <c r="F21" s="15"/>
    </row>
    <row r="22" spans="2:9" s="2" customFormat="1" ht="20.100000000000001" customHeight="1" x14ac:dyDescent="0.25">
      <c r="B22" s="115" t="s">
        <v>23</v>
      </c>
      <c r="C22" s="115"/>
      <c r="D22" s="115"/>
      <c r="E22" s="115"/>
      <c r="F22" s="115"/>
    </row>
    <row r="23" spans="2:9" s="9" customFormat="1" ht="20.100000000000001" customHeight="1" x14ac:dyDescent="0.25">
      <c r="B23" s="148" t="s">
        <v>5</v>
      </c>
      <c r="C23" s="148"/>
      <c r="D23" s="148"/>
      <c r="E23" s="148"/>
      <c r="F23" s="148"/>
    </row>
    <row r="24" spans="2:9" s="9" customFormat="1" ht="20.100000000000001" customHeight="1" x14ac:dyDescent="0.25">
      <c r="B24" s="125" t="s">
        <v>16</v>
      </c>
      <c r="C24" s="126"/>
      <c r="D24" s="14"/>
      <c r="E24" s="14"/>
      <c r="F24" s="14"/>
    </row>
    <row r="25" spans="2:9" s="9" customFormat="1" ht="20.100000000000001" customHeight="1" x14ac:dyDescent="0.25">
      <c r="B25" s="13"/>
      <c r="C25" s="13" t="s">
        <v>20</v>
      </c>
      <c r="D25" s="14"/>
      <c r="E25" s="14"/>
      <c r="F25" s="14"/>
    </row>
    <row r="26" spans="2:9" s="9" customFormat="1" ht="20.100000000000001" customHeight="1" x14ac:dyDescent="0.25">
      <c r="B26" s="13"/>
      <c r="C26" s="13" t="s">
        <v>21</v>
      </c>
      <c r="D26" s="14"/>
      <c r="E26" s="14"/>
      <c r="F26" s="14"/>
    </row>
    <row r="27" spans="2:9" s="9" customFormat="1" ht="20.100000000000001" customHeight="1" x14ac:dyDescent="0.25">
      <c r="B27" s="125" t="s">
        <v>17</v>
      </c>
      <c r="C27" s="126"/>
      <c r="D27" s="14"/>
      <c r="E27" s="14"/>
      <c r="F27" s="14"/>
    </row>
    <row r="28" spans="2:9" s="9" customFormat="1" ht="48.75" customHeight="1" x14ac:dyDescent="0.25">
      <c r="B28" s="16" t="s">
        <v>18</v>
      </c>
      <c r="C28" s="149" t="s">
        <v>12</v>
      </c>
      <c r="D28" s="150"/>
      <c r="E28" s="17" t="s">
        <v>11</v>
      </c>
      <c r="F28" s="17" t="s">
        <v>139</v>
      </c>
    </row>
    <row r="29" spans="2:9" s="9" customFormat="1" ht="24.95" customHeight="1" x14ac:dyDescent="0.25">
      <c r="B29" s="46" t="s">
        <v>1</v>
      </c>
      <c r="C29" s="144" t="s">
        <v>71</v>
      </c>
      <c r="D29" s="145"/>
      <c r="E29" s="57" t="s">
        <v>68</v>
      </c>
      <c r="F29" s="95">
        <v>13</v>
      </c>
      <c r="I29" s="56"/>
    </row>
    <row r="30" spans="2:9" s="9" customFormat="1" ht="24.95" customHeight="1" x14ac:dyDescent="0.25">
      <c r="B30" s="46" t="s">
        <v>72</v>
      </c>
      <c r="C30" s="144" t="s">
        <v>73</v>
      </c>
      <c r="D30" s="145"/>
      <c r="E30" s="57" t="s">
        <v>68</v>
      </c>
      <c r="F30" s="95">
        <v>13</v>
      </c>
      <c r="I30" s="56"/>
    </row>
    <row r="31" spans="2:9" s="9" customFormat="1" ht="20.100000000000001" customHeight="1" x14ac:dyDescent="0.25">
      <c r="B31" s="125" t="s">
        <v>19</v>
      </c>
      <c r="C31" s="126"/>
      <c r="D31" s="14"/>
      <c r="E31" s="14"/>
      <c r="F31" s="14"/>
    </row>
    <row r="32" spans="2:9" s="9" customFormat="1" ht="20.100000000000001" customHeight="1" x14ac:dyDescent="0.2">
      <c r="B32" s="10"/>
      <c r="C32" s="9" t="s">
        <v>2</v>
      </c>
      <c r="D32" s="14"/>
      <c r="E32" s="14"/>
      <c r="F32" s="14"/>
    </row>
    <row r="33" spans="2:7" s="9" customFormat="1" ht="20.100000000000001" customHeight="1" x14ac:dyDescent="0.25">
      <c r="B33" s="13"/>
      <c r="C33" s="2" t="s">
        <v>3</v>
      </c>
      <c r="D33" s="14"/>
      <c r="E33" s="14"/>
      <c r="F33" s="14"/>
    </row>
    <row r="34" spans="2:7" ht="5.0999999999999996" customHeight="1" x14ac:dyDescent="0.2"/>
    <row r="35" spans="2:7" s="2" customFormat="1" ht="20.100000000000001" customHeight="1" x14ac:dyDescent="0.25">
      <c r="B35" s="115" t="s">
        <v>24</v>
      </c>
      <c r="C35" s="115"/>
      <c r="D35" s="115"/>
      <c r="E35" s="115"/>
      <c r="F35" s="115"/>
    </row>
    <row r="36" spans="2:7" s="2" customFormat="1" ht="5.0999999999999996" customHeight="1" thickBot="1" x14ac:dyDescent="0.3">
      <c r="B36" s="15"/>
      <c r="D36" s="6"/>
      <c r="E36" s="6"/>
      <c r="F36" s="6"/>
    </row>
    <row r="37" spans="2:7" s="3" customFormat="1" ht="93" customHeight="1" x14ac:dyDescent="0.25">
      <c r="B37" s="129" t="s">
        <v>0</v>
      </c>
      <c r="C37" s="130"/>
      <c r="D37" s="133" t="s">
        <v>25</v>
      </c>
      <c r="E37" s="134"/>
      <c r="F37" s="135"/>
      <c r="G37" s="22"/>
    </row>
    <row r="38" spans="2:7" s="3" customFormat="1" ht="30" customHeight="1" thickBot="1" x14ac:dyDescent="0.3">
      <c r="B38" s="131"/>
      <c r="C38" s="132"/>
      <c r="D38" s="23" t="s">
        <v>26</v>
      </c>
      <c r="E38" s="146" t="s">
        <v>27</v>
      </c>
      <c r="F38" s="147"/>
    </row>
    <row r="39" spans="2:7" s="24" customFormat="1" ht="30.75" customHeight="1" x14ac:dyDescent="0.25">
      <c r="B39" s="99" t="s">
        <v>74</v>
      </c>
      <c r="C39" s="100"/>
      <c r="D39" s="100"/>
      <c r="E39" s="100"/>
      <c r="F39" s="101"/>
    </row>
    <row r="40" spans="2:7" s="4" customFormat="1" ht="30" customHeight="1" x14ac:dyDescent="0.25">
      <c r="B40" s="54" t="s">
        <v>14</v>
      </c>
      <c r="C40" s="61" t="s">
        <v>75</v>
      </c>
      <c r="D40" s="48"/>
      <c r="E40" s="102"/>
      <c r="F40" s="103"/>
    </row>
    <row r="41" spans="2:7" s="4" customFormat="1" ht="40.5" customHeight="1" x14ac:dyDescent="0.25">
      <c r="B41" s="70" t="s">
        <v>55</v>
      </c>
      <c r="C41" s="71" t="s">
        <v>76</v>
      </c>
      <c r="D41" s="72"/>
      <c r="E41" s="73"/>
      <c r="F41" s="74"/>
    </row>
    <row r="42" spans="2:7" s="4" customFormat="1" ht="30" customHeight="1" x14ac:dyDescent="0.25">
      <c r="B42" s="70" t="s">
        <v>56</v>
      </c>
      <c r="C42" s="71" t="s">
        <v>77</v>
      </c>
      <c r="D42" s="72"/>
      <c r="E42" s="73"/>
      <c r="F42" s="74"/>
    </row>
    <row r="43" spans="2:7" s="4" customFormat="1" ht="30" customHeight="1" x14ac:dyDescent="0.25">
      <c r="B43" s="70" t="s">
        <v>57</v>
      </c>
      <c r="C43" s="71" t="s">
        <v>78</v>
      </c>
      <c r="D43" s="72"/>
      <c r="E43" s="73"/>
      <c r="F43" s="74"/>
    </row>
    <row r="44" spans="2:7" s="4" customFormat="1" ht="30" customHeight="1" x14ac:dyDescent="0.25">
      <c r="B44" s="70" t="s">
        <v>58</v>
      </c>
      <c r="C44" s="71" t="s">
        <v>79</v>
      </c>
      <c r="D44" s="72"/>
      <c r="E44" s="73"/>
      <c r="F44" s="74"/>
    </row>
    <row r="45" spans="2:7" s="4" customFormat="1" ht="30" customHeight="1" x14ac:dyDescent="0.25">
      <c r="B45" s="70" t="s">
        <v>59</v>
      </c>
      <c r="C45" s="71" t="s">
        <v>80</v>
      </c>
      <c r="D45" s="72"/>
      <c r="E45" s="73"/>
      <c r="F45" s="74"/>
    </row>
    <row r="46" spans="2:7" s="4" customFormat="1" ht="30" customHeight="1" thickBot="1" x14ac:dyDescent="0.3">
      <c r="B46" s="70" t="s">
        <v>63</v>
      </c>
      <c r="C46" s="71" t="s">
        <v>81</v>
      </c>
      <c r="D46" s="72"/>
      <c r="E46" s="73"/>
      <c r="F46" s="74"/>
    </row>
    <row r="47" spans="2:7" s="4" customFormat="1" ht="30" customHeight="1" x14ac:dyDescent="0.25">
      <c r="B47" s="99" t="s">
        <v>82</v>
      </c>
      <c r="C47" s="100"/>
      <c r="D47" s="100"/>
      <c r="E47" s="100"/>
      <c r="F47" s="101"/>
    </row>
    <row r="48" spans="2:7" s="4" customFormat="1" ht="30" customHeight="1" x14ac:dyDescent="0.25">
      <c r="B48" s="70" t="s">
        <v>14</v>
      </c>
      <c r="C48" s="71" t="s">
        <v>83</v>
      </c>
      <c r="D48" s="72"/>
      <c r="E48" s="73"/>
      <c r="F48" s="74"/>
    </row>
    <row r="49" spans="2:6" s="4" customFormat="1" ht="30" customHeight="1" x14ac:dyDescent="0.25">
      <c r="B49" s="70" t="s">
        <v>55</v>
      </c>
      <c r="C49" s="71" t="s">
        <v>84</v>
      </c>
      <c r="D49" s="72"/>
      <c r="E49" s="73"/>
      <c r="F49" s="74"/>
    </row>
    <row r="50" spans="2:6" s="4" customFormat="1" ht="30" customHeight="1" thickBot="1" x14ac:dyDescent="0.3">
      <c r="B50" s="64" t="s">
        <v>56</v>
      </c>
      <c r="C50" s="62" t="s">
        <v>81</v>
      </c>
      <c r="D50" s="58"/>
      <c r="E50" s="75"/>
      <c r="F50" s="76"/>
    </row>
    <row r="51" spans="2:6" s="3" customFormat="1" ht="5.0999999999999996" customHeight="1" x14ac:dyDescent="0.25">
      <c r="B51" s="5"/>
      <c r="C51" s="5"/>
      <c r="D51" s="7"/>
      <c r="E51" s="7"/>
      <c r="F51" s="25"/>
    </row>
    <row r="52" spans="2:6" s="2" customFormat="1" ht="20.100000000000001" customHeight="1" x14ac:dyDescent="0.25">
      <c r="B52" s="115" t="s">
        <v>45</v>
      </c>
      <c r="C52" s="115"/>
      <c r="D52" s="115"/>
      <c r="E52" s="115"/>
      <c r="F52" s="115"/>
    </row>
    <row r="53" spans="2:6" s="2" customFormat="1" ht="5.0999999999999996" customHeight="1" thickBot="1" x14ac:dyDescent="0.3">
      <c r="B53" s="15"/>
      <c r="D53" s="6"/>
      <c r="E53" s="6"/>
      <c r="F53" s="6"/>
    </row>
    <row r="54" spans="2:6" s="3" customFormat="1" ht="87.75" customHeight="1" x14ac:dyDescent="0.25">
      <c r="B54" s="129" t="s">
        <v>7</v>
      </c>
      <c r="C54" s="130"/>
      <c r="D54" s="133" t="s">
        <v>28</v>
      </c>
      <c r="E54" s="134"/>
      <c r="F54" s="135"/>
    </row>
    <row r="55" spans="2:6" s="3" customFormat="1" ht="30" customHeight="1" thickBot="1" x14ac:dyDescent="0.3">
      <c r="B55" s="131"/>
      <c r="C55" s="132"/>
      <c r="D55" s="23" t="s">
        <v>6</v>
      </c>
      <c r="E55" s="109" t="s">
        <v>29</v>
      </c>
      <c r="F55" s="110"/>
    </row>
    <row r="56" spans="2:6" s="2" customFormat="1" ht="52.9" customHeight="1" x14ac:dyDescent="0.25">
      <c r="B56" s="49" t="s">
        <v>14</v>
      </c>
      <c r="C56" s="77" t="s">
        <v>85</v>
      </c>
      <c r="D56" s="48"/>
      <c r="E56" s="97"/>
      <c r="F56" s="98"/>
    </row>
    <row r="57" spans="2:6" s="2" customFormat="1" ht="52.15" customHeight="1" x14ac:dyDescent="0.25">
      <c r="B57" s="47" t="s">
        <v>55</v>
      </c>
      <c r="C57" s="26" t="s">
        <v>86</v>
      </c>
      <c r="D57" s="48"/>
      <c r="E57" s="97"/>
      <c r="F57" s="98"/>
    </row>
    <row r="58" spans="2:6" s="2" customFormat="1" ht="24" customHeight="1" x14ac:dyDescent="0.25">
      <c r="B58" s="81" t="s">
        <v>56</v>
      </c>
      <c r="C58" s="88" t="s">
        <v>87</v>
      </c>
      <c r="D58" s="48" t="s">
        <v>65</v>
      </c>
      <c r="E58" s="97"/>
      <c r="F58" s="98"/>
    </row>
    <row r="59" spans="2:6" s="2" customFormat="1" ht="24.75" customHeight="1" x14ac:dyDescent="0.25">
      <c r="B59" s="82" t="s">
        <v>99</v>
      </c>
      <c r="C59" s="91" t="s">
        <v>88</v>
      </c>
      <c r="D59" s="48"/>
      <c r="E59" s="97"/>
      <c r="F59" s="98"/>
    </row>
    <row r="60" spans="2:6" s="2" customFormat="1" ht="30.75" customHeight="1" x14ac:dyDescent="0.25">
      <c r="B60" s="83" t="s">
        <v>100</v>
      </c>
      <c r="C60" s="90" t="s">
        <v>89</v>
      </c>
      <c r="D60" s="48"/>
      <c r="E60" s="97"/>
      <c r="F60" s="98"/>
    </row>
    <row r="61" spans="2:6" s="2" customFormat="1" ht="20.45" customHeight="1" x14ac:dyDescent="0.25">
      <c r="B61" s="83" t="s">
        <v>101</v>
      </c>
      <c r="C61" s="89" t="s">
        <v>90</v>
      </c>
      <c r="D61" s="48"/>
      <c r="E61" s="97"/>
      <c r="F61" s="98"/>
    </row>
    <row r="62" spans="2:6" s="2" customFormat="1" ht="44.25" customHeight="1" x14ac:dyDescent="0.25">
      <c r="B62" s="84" t="s">
        <v>102</v>
      </c>
      <c r="C62" s="89" t="s">
        <v>91</v>
      </c>
      <c r="D62" s="48"/>
      <c r="E62" s="97"/>
      <c r="F62" s="98"/>
    </row>
    <row r="63" spans="2:6" s="2" customFormat="1" ht="120" customHeight="1" x14ac:dyDescent="0.25">
      <c r="B63" s="85" t="s">
        <v>103</v>
      </c>
      <c r="C63" s="87" t="s">
        <v>92</v>
      </c>
      <c r="D63" s="48"/>
      <c r="E63" s="97"/>
      <c r="F63" s="98"/>
    </row>
    <row r="64" spans="2:6" s="2" customFormat="1" ht="145.9" customHeight="1" x14ac:dyDescent="0.25">
      <c r="B64" s="47" t="s">
        <v>57</v>
      </c>
      <c r="C64" s="26" t="s">
        <v>115</v>
      </c>
      <c r="D64" s="48"/>
      <c r="E64" s="97"/>
      <c r="F64" s="98"/>
    </row>
    <row r="65" spans="2:6" s="2" customFormat="1" ht="41.25" customHeight="1" x14ac:dyDescent="0.25">
      <c r="B65" s="47" t="s">
        <v>58</v>
      </c>
      <c r="C65" s="26" t="s">
        <v>95</v>
      </c>
      <c r="D65" s="48"/>
      <c r="E65" s="97"/>
      <c r="F65" s="98"/>
    </row>
    <row r="66" spans="2:6" s="2" customFormat="1" ht="54" customHeight="1" x14ac:dyDescent="0.25">
      <c r="B66" s="47" t="s">
        <v>59</v>
      </c>
      <c r="C66" s="26" t="s">
        <v>93</v>
      </c>
      <c r="D66" s="48"/>
      <c r="E66" s="97"/>
      <c r="F66" s="98"/>
    </row>
    <row r="67" spans="2:6" s="2" customFormat="1" ht="70.5" customHeight="1" x14ac:dyDescent="0.25">
      <c r="B67" s="47" t="s">
        <v>63</v>
      </c>
      <c r="C67" s="79" t="s">
        <v>94</v>
      </c>
      <c r="D67" s="48"/>
      <c r="E67" s="97"/>
      <c r="F67" s="98"/>
    </row>
    <row r="68" spans="2:6" s="2" customFormat="1" ht="84" customHeight="1" x14ac:dyDescent="0.25">
      <c r="B68" s="47" t="s">
        <v>104</v>
      </c>
      <c r="C68" s="78" t="s">
        <v>116</v>
      </c>
      <c r="D68" s="48"/>
      <c r="E68" s="97"/>
      <c r="F68" s="98"/>
    </row>
    <row r="69" spans="2:6" s="2" customFormat="1" ht="30.75" customHeight="1" x14ac:dyDescent="0.25">
      <c r="B69" s="104" t="s">
        <v>105</v>
      </c>
      <c r="C69" s="88" t="s">
        <v>96</v>
      </c>
      <c r="D69" s="48"/>
      <c r="E69" s="97"/>
      <c r="F69" s="98"/>
    </row>
    <row r="70" spans="2:6" s="2" customFormat="1" ht="28.9" customHeight="1" x14ac:dyDescent="0.25">
      <c r="B70" s="105"/>
      <c r="C70" s="89" t="s">
        <v>97</v>
      </c>
      <c r="D70" s="48"/>
      <c r="E70" s="97"/>
      <c r="F70" s="98"/>
    </row>
    <row r="71" spans="2:6" s="2" customFormat="1" ht="54" customHeight="1" x14ac:dyDescent="0.25">
      <c r="B71" s="105"/>
      <c r="C71" s="92" t="s">
        <v>117</v>
      </c>
      <c r="D71" s="48"/>
      <c r="E71" s="97"/>
      <c r="F71" s="98"/>
    </row>
    <row r="72" spans="2:6" s="2" customFormat="1" ht="21" customHeight="1" x14ac:dyDescent="0.25">
      <c r="B72" s="105"/>
      <c r="C72" s="90" t="s">
        <v>119</v>
      </c>
      <c r="D72" s="48"/>
      <c r="E72" s="97"/>
      <c r="F72" s="98"/>
    </row>
    <row r="73" spans="2:6" s="2" customFormat="1" ht="30" customHeight="1" x14ac:dyDescent="0.25">
      <c r="B73" s="105"/>
      <c r="C73" s="89" t="s">
        <v>118</v>
      </c>
      <c r="D73" s="48"/>
      <c r="E73" s="97"/>
      <c r="F73" s="98"/>
    </row>
    <row r="74" spans="2:6" s="2" customFormat="1" ht="57" customHeight="1" x14ac:dyDescent="0.25">
      <c r="B74" s="105"/>
      <c r="C74" s="89" t="s">
        <v>121</v>
      </c>
      <c r="D74" s="48"/>
      <c r="E74" s="97"/>
      <c r="F74" s="98"/>
    </row>
    <row r="75" spans="2:6" s="2" customFormat="1" ht="52.15" customHeight="1" x14ac:dyDescent="0.25">
      <c r="B75" s="106"/>
      <c r="C75" s="87" t="s">
        <v>120</v>
      </c>
      <c r="D75" s="48"/>
      <c r="E75" s="97"/>
      <c r="F75" s="98"/>
    </row>
    <row r="76" spans="2:6" s="2" customFormat="1" ht="108.6" customHeight="1" x14ac:dyDescent="0.25">
      <c r="B76" s="60" t="s">
        <v>106</v>
      </c>
      <c r="C76" s="69" t="s">
        <v>122</v>
      </c>
      <c r="D76" s="48"/>
      <c r="E76" s="107"/>
      <c r="F76" s="108"/>
    </row>
    <row r="77" spans="2:6" s="2" customFormat="1" ht="250.9" customHeight="1" x14ac:dyDescent="0.25">
      <c r="B77" s="47" t="s">
        <v>107</v>
      </c>
      <c r="C77" s="26" t="s">
        <v>123</v>
      </c>
      <c r="D77" s="48"/>
      <c r="E77" s="97"/>
      <c r="F77" s="98"/>
    </row>
    <row r="78" spans="2:6" s="2" customFormat="1" ht="118.15" customHeight="1" x14ac:dyDescent="0.25">
      <c r="B78" s="86" t="s">
        <v>108</v>
      </c>
      <c r="C78" s="78" t="s">
        <v>134</v>
      </c>
      <c r="D78" s="48"/>
      <c r="E78" s="97"/>
      <c r="F78" s="98"/>
    </row>
    <row r="79" spans="2:6" s="2" customFormat="1" ht="121.9" customHeight="1" x14ac:dyDescent="0.25">
      <c r="B79" s="93" t="s">
        <v>124</v>
      </c>
      <c r="C79" s="26" t="s">
        <v>125</v>
      </c>
      <c r="D79" s="48"/>
      <c r="E79" s="97"/>
      <c r="F79" s="98"/>
    </row>
    <row r="80" spans="2:6" s="2" customFormat="1" ht="107.45" customHeight="1" x14ac:dyDescent="0.25">
      <c r="B80" s="47" t="s">
        <v>64</v>
      </c>
      <c r="C80" s="26" t="s">
        <v>126</v>
      </c>
      <c r="D80" s="48"/>
      <c r="E80" s="97"/>
      <c r="F80" s="98"/>
    </row>
    <row r="81" spans="2:7" s="2" customFormat="1" ht="37.9" customHeight="1" x14ac:dyDescent="0.25">
      <c r="B81" s="86" t="s">
        <v>60</v>
      </c>
      <c r="C81" s="26" t="s">
        <v>127</v>
      </c>
      <c r="D81" s="48"/>
      <c r="E81" s="97"/>
      <c r="F81" s="98"/>
    </row>
    <row r="82" spans="2:7" s="2" customFormat="1" ht="58.9" customHeight="1" x14ac:dyDescent="0.25">
      <c r="B82" s="86" t="s">
        <v>109</v>
      </c>
      <c r="C82" s="69" t="s">
        <v>128</v>
      </c>
      <c r="D82" s="48"/>
      <c r="E82" s="107"/>
      <c r="F82" s="108"/>
    </row>
    <row r="83" spans="2:7" s="2" customFormat="1" ht="85.9" customHeight="1" x14ac:dyDescent="0.25">
      <c r="B83" s="47" t="s">
        <v>110</v>
      </c>
      <c r="C83" s="26" t="s">
        <v>133</v>
      </c>
      <c r="D83" s="48"/>
      <c r="E83" s="97"/>
      <c r="F83" s="98"/>
    </row>
    <row r="84" spans="2:7" s="2" customFormat="1" ht="210.6" customHeight="1" x14ac:dyDescent="0.25">
      <c r="B84" s="47" t="s">
        <v>111</v>
      </c>
      <c r="C84" s="80" t="s">
        <v>131</v>
      </c>
      <c r="D84" s="48"/>
      <c r="E84" s="97"/>
      <c r="F84" s="98"/>
    </row>
    <row r="85" spans="2:7" s="2" customFormat="1" ht="99.6" customHeight="1" x14ac:dyDescent="0.25">
      <c r="B85" s="60" t="s">
        <v>135</v>
      </c>
      <c r="C85" s="26" t="s">
        <v>129</v>
      </c>
      <c r="D85" s="48"/>
      <c r="E85" s="97"/>
      <c r="F85" s="98"/>
    </row>
    <row r="86" spans="2:7" s="2" customFormat="1" ht="119.45" customHeight="1" x14ac:dyDescent="0.25">
      <c r="B86" s="47" t="s">
        <v>112</v>
      </c>
      <c r="C86" s="26" t="s">
        <v>132</v>
      </c>
      <c r="D86" s="48"/>
      <c r="E86" s="97"/>
      <c r="F86" s="98"/>
    </row>
    <row r="87" spans="2:7" s="2" customFormat="1" ht="112.15" customHeight="1" x14ac:dyDescent="0.25">
      <c r="B87" s="47" t="s">
        <v>113</v>
      </c>
      <c r="C87" s="26" t="s">
        <v>130</v>
      </c>
      <c r="D87" s="48"/>
      <c r="E87" s="97"/>
      <c r="F87" s="98"/>
    </row>
    <row r="88" spans="2:7" s="2" customFormat="1" ht="45.6" customHeight="1" x14ac:dyDescent="0.25">
      <c r="B88" s="47" t="s">
        <v>114</v>
      </c>
      <c r="C88" s="26" t="s">
        <v>98</v>
      </c>
      <c r="D88" s="48"/>
      <c r="E88" s="97"/>
      <c r="F88" s="98"/>
    </row>
    <row r="89" spans="2:7" s="3" customFormat="1" ht="5.0999999999999996" customHeight="1" x14ac:dyDescent="0.25">
      <c r="B89" s="5"/>
      <c r="C89" s="5"/>
      <c r="D89" s="7"/>
      <c r="E89" s="7"/>
      <c r="F89" s="25"/>
      <c r="G89" s="2"/>
    </row>
    <row r="90" spans="2:7" s="2" customFormat="1" ht="20.100000000000001" customHeight="1" x14ac:dyDescent="0.25">
      <c r="B90" s="115" t="s">
        <v>51</v>
      </c>
      <c r="C90" s="115"/>
      <c r="D90" s="115"/>
      <c r="E90" s="115"/>
      <c r="F90" s="115"/>
    </row>
    <row r="91" spans="2:7" s="2" customFormat="1" ht="4.5" customHeight="1" thickBot="1" x14ac:dyDescent="0.3"/>
    <row r="92" spans="2:7" s="2" customFormat="1" ht="80.25" customHeight="1" x14ac:dyDescent="0.25">
      <c r="B92" s="129" t="s">
        <v>52</v>
      </c>
      <c r="C92" s="130"/>
      <c r="D92" s="133" t="s">
        <v>53</v>
      </c>
      <c r="E92" s="134"/>
      <c r="F92" s="135"/>
    </row>
    <row r="93" spans="2:7" s="3" customFormat="1" ht="29.25" customHeight="1" thickBot="1" x14ac:dyDescent="0.3">
      <c r="B93" s="131"/>
      <c r="C93" s="132"/>
      <c r="D93" s="23" t="s">
        <v>6</v>
      </c>
      <c r="E93" s="109" t="s">
        <v>29</v>
      </c>
      <c r="F93" s="110"/>
      <c r="G93" s="2"/>
    </row>
    <row r="94" spans="2:7" s="3" customFormat="1" ht="27" customHeight="1" x14ac:dyDescent="0.25">
      <c r="B94" s="49" t="s">
        <v>14</v>
      </c>
      <c r="C94" s="50" t="s">
        <v>62</v>
      </c>
      <c r="D94" s="51"/>
      <c r="E94" s="127"/>
      <c r="F94" s="128"/>
      <c r="G94" s="2"/>
    </row>
    <row r="95" spans="2:7" s="3" customFormat="1" ht="59.25" customHeight="1" thickBot="1" x14ac:dyDescent="0.3">
      <c r="B95" s="47" t="s">
        <v>55</v>
      </c>
      <c r="C95" s="63" t="s">
        <v>66</v>
      </c>
      <c r="D95" s="53"/>
      <c r="E95" s="68"/>
      <c r="F95" s="67"/>
      <c r="G95" s="2"/>
    </row>
    <row r="96" spans="2:7" s="3" customFormat="1" ht="54" customHeight="1" x14ac:dyDescent="0.25">
      <c r="B96" s="59" t="s">
        <v>56</v>
      </c>
      <c r="C96" s="65" t="s">
        <v>67</v>
      </c>
      <c r="D96" s="66"/>
      <c r="E96" s="138"/>
      <c r="F96" s="139"/>
      <c r="G96" s="2"/>
    </row>
    <row r="97" spans="2:7" s="3" customFormat="1" ht="30.75" customHeight="1" thickBot="1" x14ac:dyDescent="0.3">
      <c r="B97" s="52" t="s">
        <v>57</v>
      </c>
      <c r="C97" s="55" t="s">
        <v>54</v>
      </c>
      <c r="D97" s="53"/>
      <c r="E97" s="136"/>
      <c r="F97" s="137"/>
      <c r="G97" s="2"/>
    </row>
    <row r="98" spans="2:7" s="2" customFormat="1" ht="5.0999999999999996" customHeight="1" x14ac:dyDescent="0.25">
      <c r="B98" s="5"/>
      <c r="C98" s="5"/>
      <c r="D98" s="7"/>
      <c r="E98" s="7"/>
      <c r="F98" s="25"/>
    </row>
    <row r="99" spans="2:7" s="2" customFormat="1" ht="20.100000000000001" customHeight="1" x14ac:dyDescent="0.25">
      <c r="B99" s="115" t="s">
        <v>13</v>
      </c>
      <c r="C99" s="115"/>
      <c r="D99" s="115"/>
      <c r="E99" s="115"/>
      <c r="F99" s="115"/>
    </row>
    <row r="100" spans="2:7" s="3" customFormat="1" ht="30" customHeight="1" x14ac:dyDescent="0.25">
      <c r="B100" s="5" t="s">
        <v>15</v>
      </c>
      <c r="C100" s="116" t="s">
        <v>69</v>
      </c>
      <c r="D100" s="116"/>
      <c r="E100" s="116"/>
      <c r="F100" s="116"/>
      <c r="G100" s="2"/>
    </row>
    <row r="101" spans="2:7" s="28" customFormat="1" ht="30" customHeight="1" x14ac:dyDescent="0.25">
      <c r="B101" s="5" t="s">
        <v>30</v>
      </c>
      <c r="C101" s="116" t="s">
        <v>31</v>
      </c>
      <c r="D101" s="116"/>
      <c r="E101" s="116"/>
      <c r="F101" s="116"/>
      <c r="G101" s="2"/>
    </row>
    <row r="102" spans="2:7" s="28" customFormat="1" ht="30" customHeight="1" x14ac:dyDescent="0.25">
      <c r="B102" s="117" t="s">
        <v>32</v>
      </c>
      <c r="C102" s="117"/>
      <c r="D102" s="117"/>
      <c r="E102" s="117"/>
      <c r="F102" s="3"/>
      <c r="G102" s="2"/>
    </row>
    <row r="103" spans="2:7" s="2" customFormat="1" ht="24.95" customHeight="1" x14ac:dyDescent="0.25">
      <c r="B103" s="27" t="s">
        <v>33</v>
      </c>
      <c r="C103" s="113"/>
      <c r="D103" s="113"/>
      <c r="F103" s="28"/>
    </row>
    <row r="104" spans="2:7" s="2" customFormat="1" ht="24.95" customHeight="1" x14ac:dyDescent="0.25">
      <c r="B104" s="27" t="s">
        <v>34</v>
      </c>
      <c r="C104" s="113"/>
      <c r="D104" s="113"/>
      <c r="F104" s="28"/>
    </row>
    <row r="105" spans="2:7" s="2" customFormat="1" ht="24.95" customHeight="1" x14ac:dyDescent="0.25">
      <c r="B105" s="27" t="s">
        <v>35</v>
      </c>
      <c r="C105" s="113"/>
      <c r="D105" s="113"/>
      <c r="F105" s="28"/>
    </row>
    <row r="106" spans="2:7" s="3" customFormat="1" ht="24.95" customHeight="1" x14ac:dyDescent="0.25">
      <c r="B106" s="27" t="s">
        <v>36</v>
      </c>
      <c r="C106" s="113"/>
      <c r="D106" s="113"/>
      <c r="E106" s="2"/>
      <c r="F106" s="29"/>
      <c r="G106" s="2"/>
    </row>
    <row r="107" spans="2:7" s="2" customFormat="1" ht="14.25" customHeight="1" x14ac:dyDescent="0.2">
      <c r="B107" s="11"/>
      <c r="C107" s="12"/>
      <c r="D107" s="12"/>
      <c r="F107" s="30"/>
    </row>
    <row r="108" spans="2:7" s="3" customFormat="1" ht="15" customHeight="1" x14ac:dyDescent="0.25">
      <c r="B108" s="118" t="s">
        <v>37</v>
      </c>
      <c r="C108" s="118"/>
      <c r="D108" s="118"/>
      <c r="E108" s="118"/>
      <c r="F108" s="118"/>
    </row>
    <row r="109" spans="2:7" s="2" customFormat="1" ht="36.75" customHeight="1" x14ac:dyDescent="0.25">
      <c r="B109" s="114" t="s">
        <v>48</v>
      </c>
      <c r="C109" s="114"/>
      <c r="D109" s="114"/>
      <c r="E109" s="114"/>
      <c r="F109" s="114"/>
    </row>
    <row r="110" spans="2:7" s="2" customFormat="1" ht="20.100000000000001" customHeight="1" x14ac:dyDescent="0.2">
      <c r="B110" s="1"/>
      <c r="C110" s="1"/>
      <c r="D110" s="8"/>
      <c r="E110" s="8"/>
    </row>
    <row r="111" spans="2:7" s="3" customFormat="1" ht="4.5" customHeight="1" x14ac:dyDescent="0.2">
      <c r="B111" s="1"/>
      <c r="C111" s="1"/>
      <c r="D111" s="8"/>
      <c r="E111" s="8"/>
      <c r="F111" s="2"/>
    </row>
    <row r="112" spans="2:7" s="3" customFormat="1" ht="20.100000000000001" customHeight="1" x14ac:dyDescent="0.25">
      <c r="B112" s="31" t="s">
        <v>38</v>
      </c>
      <c r="C112" s="32"/>
      <c r="D112" s="33" t="s">
        <v>39</v>
      </c>
      <c r="E112" s="111"/>
      <c r="F112" s="111"/>
    </row>
    <row r="113" spans="2:6" s="3" customFormat="1" ht="20.100000000000001" customHeight="1" x14ac:dyDescent="0.25">
      <c r="B113" s="34"/>
      <c r="C113" s="34"/>
      <c r="D113" s="34"/>
      <c r="E113" s="35"/>
      <c r="F113" s="35"/>
    </row>
    <row r="114" spans="2:6" ht="20.100000000000001" customHeight="1" x14ac:dyDescent="0.2">
      <c r="B114" s="31" t="s">
        <v>40</v>
      </c>
      <c r="C114" s="32"/>
      <c r="D114" s="36" t="s">
        <v>41</v>
      </c>
      <c r="E114" s="112"/>
      <c r="F114" s="112"/>
    </row>
    <row r="115" spans="2:6" s="2" customFormat="1" ht="20.100000000000001" customHeight="1" x14ac:dyDescent="0.2">
      <c r="B115" s="1"/>
      <c r="C115" s="1"/>
      <c r="D115" s="36" t="s">
        <v>42</v>
      </c>
      <c r="E115" s="113"/>
      <c r="F115" s="113"/>
    </row>
    <row r="116" spans="2:6" s="2" customFormat="1" ht="20.100000000000001" customHeight="1" x14ac:dyDescent="0.2">
      <c r="B116" s="1"/>
      <c r="C116" s="1"/>
      <c r="D116" s="37" t="s">
        <v>43</v>
      </c>
      <c r="E116" s="1"/>
    </row>
    <row r="117" spans="2:6" s="2" customFormat="1" ht="37.5" customHeight="1" x14ac:dyDescent="0.25"/>
    <row r="118" spans="2:6" s="2" customFormat="1" ht="24" customHeight="1" x14ac:dyDescent="0.25"/>
    <row r="119" spans="2:6" s="2" customFormat="1" ht="24" customHeight="1" x14ac:dyDescent="0.25"/>
    <row r="120" spans="2:6" s="2" customFormat="1" ht="24" customHeight="1" x14ac:dyDescent="0.25"/>
    <row r="121" spans="2:6" s="2" customFormat="1" ht="20.100000000000001" customHeight="1" x14ac:dyDescent="0.25"/>
    <row r="122" spans="2:6" s="2" customFormat="1" ht="20.100000000000001" customHeight="1" x14ac:dyDescent="0.25"/>
    <row r="123" spans="2:6" s="2" customFormat="1" ht="50.1" customHeight="1" x14ac:dyDescent="0.25"/>
    <row r="124" spans="2:6" s="2" customFormat="1" ht="43.5" customHeight="1" x14ac:dyDescent="0.25"/>
    <row r="125" spans="2:6" ht="24.75" customHeight="1" x14ac:dyDescent="0.2">
      <c r="B125" s="2"/>
      <c r="C125" s="2"/>
      <c r="D125" s="2"/>
      <c r="E125" s="2"/>
    </row>
    <row r="126" spans="2:6" x14ac:dyDescent="0.2">
      <c r="B126" s="2"/>
      <c r="C126" s="2"/>
      <c r="D126" s="2"/>
      <c r="E126" s="2"/>
    </row>
    <row r="127" spans="2:6" ht="20.100000000000001" customHeight="1" x14ac:dyDescent="0.2"/>
    <row r="128" spans="2:6" ht="4.5" customHeight="1" x14ac:dyDescent="0.2"/>
    <row r="129" ht="20.100000000000001" customHeight="1" x14ac:dyDescent="0.2"/>
    <row r="130" ht="20.100000000000001" customHeight="1" x14ac:dyDescent="0.2"/>
    <row r="131" ht="20.100000000000001" customHeight="1" x14ac:dyDescent="0.2"/>
  </sheetData>
  <mergeCells count="88">
    <mergeCell ref="B14:D14"/>
    <mergeCell ref="B35:F35"/>
    <mergeCell ref="B37:C38"/>
    <mergeCell ref="B20:F20"/>
    <mergeCell ref="B21:D21"/>
    <mergeCell ref="B22:F22"/>
    <mergeCell ref="B17:D17"/>
    <mergeCell ref="B18:D18"/>
    <mergeCell ref="C30:D30"/>
    <mergeCell ref="B19:F19"/>
    <mergeCell ref="C29:D29"/>
    <mergeCell ref="D37:F37"/>
    <mergeCell ref="E38:F38"/>
    <mergeCell ref="B23:F23"/>
    <mergeCell ref="C28:D28"/>
    <mergeCell ref="B31:C31"/>
    <mergeCell ref="E97:F97"/>
    <mergeCell ref="B90:F90"/>
    <mergeCell ref="B92:C93"/>
    <mergeCell ref="D92:F92"/>
    <mergeCell ref="E93:F93"/>
    <mergeCell ref="E96:F96"/>
    <mergeCell ref="B2:F2"/>
    <mergeCell ref="B1:F1"/>
    <mergeCell ref="B24:C24"/>
    <mergeCell ref="B27:C27"/>
    <mergeCell ref="E94:F94"/>
    <mergeCell ref="E59:F59"/>
    <mergeCell ref="E60:F60"/>
    <mergeCell ref="E61:F61"/>
    <mergeCell ref="E62:F62"/>
    <mergeCell ref="E63:F63"/>
    <mergeCell ref="E64:F64"/>
    <mergeCell ref="E65:F65"/>
    <mergeCell ref="E58:F58"/>
    <mergeCell ref="B52:F52"/>
    <mergeCell ref="B54:C55"/>
    <mergeCell ref="D54:F54"/>
    <mergeCell ref="B3:F3"/>
    <mergeCell ref="B7:F7"/>
    <mergeCell ref="B8:F8"/>
    <mergeCell ref="B11:F11"/>
    <mergeCell ref="B12:D12"/>
    <mergeCell ref="B9:F9"/>
    <mergeCell ref="E112:F112"/>
    <mergeCell ref="E114:F114"/>
    <mergeCell ref="E115:F115"/>
    <mergeCell ref="B109:F109"/>
    <mergeCell ref="B99:F99"/>
    <mergeCell ref="C100:F100"/>
    <mergeCell ref="C101:F101"/>
    <mergeCell ref="B102:E102"/>
    <mergeCell ref="B108:F108"/>
    <mergeCell ref="C103:D103"/>
    <mergeCell ref="C104:D104"/>
    <mergeCell ref="C105:D105"/>
    <mergeCell ref="C106:D106"/>
    <mergeCell ref="E84:F84"/>
    <mergeCell ref="B39:F39"/>
    <mergeCell ref="E40:F40"/>
    <mergeCell ref="B69:B75"/>
    <mergeCell ref="E82:F82"/>
    <mergeCell ref="E76:F76"/>
    <mergeCell ref="E69:F69"/>
    <mergeCell ref="B47:F47"/>
    <mergeCell ref="E72:F72"/>
    <mergeCell ref="E74:F74"/>
    <mergeCell ref="E75:F75"/>
    <mergeCell ref="E57:F57"/>
    <mergeCell ref="E55:F55"/>
    <mergeCell ref="E56:F56"/>
    <mergeCell ref="E73:F73"/>
    <mergeCell ref="B13:D13"/>
    <mergeCell ref="E88:F88"/>
    <mergeCell ref="E66:F66"/>
    <mergeCell ref="E67:F67"/>
    <mergeCell ref="E68:F68"/>
    <mergeCell ref="E70:F70"/>
    <mergeCell ref="E71:F71"/>
    <mergeCell ref="E77:F77"/>
    <mergeCell ref="E78:F78"/>
    <mergeCell ref="E79:F79"/>
    <mergeCell ref="E80:F80"/>
    <mergeCell ref="E81:F81"/>
    <mergeCell ref="E83:F83"/>
    <mergeCell ref="E85:F85"/>
    <mergeCell ref="E86:F86"/>
    <mergeCell ref="E87:F87"/>
  </mergeCells>
  <conditionalFormatting sqref="D65:D67 D69:D88">
    <cfRule type="containsBlanks" dxfId="14" priority="117">
      <formula>LEN(TRIM(D65))=0</formula>
    </cfRule>
  </conditionalFormatting>
  <conditionalFormatting sqref="E114:F114">
    <cfRule type="containsBlanks" dxfId="13" priority="116">
      <formula>LEN(TRIM(E114))=0</formula>
    </cfRule>
  </conditionalFormatting>
  <conditionalFormatting sqref="C112">
    <cfRule type="containsBlanks" dxfId="12" priority="114">
      <formula>LEN(TRIM(C112))=0</formula>
    </cfRule>
  </conditionalFormatting>
  <conditionalFormatting sqref="E115:F115">
    <cfRule type="containsBlanks" dxfId="11" priority="115">
      <formula>LEN(TRIM(E115))=0</formula>
    </cfRule>
  </conditionalFormatting>
  <conditionalFormatting sqref="C114">
    <cfRule type="containsBlanks" dxfId="10" priority="113">
      <formula>LEN(TRIM(C114))=0</formula>
    </cfRule>
  </conditionalFormatting>
  <conditionalFormatting sqref="C4:C5">
    <cfRule type="containsBlanks" dxfId="9" priority="112">
      <formula>LEN(TRIM(C4))=0</formula>
    </cfRule>
  </conditionalFormatting>
  <conditionalFormatting sqref="D40:D46 D48:D50">
    <cfRule type="containsBlanks" dxfId="8" priority="111">
      <formula>LEN(TRIM(D40))=0</formula>
    </cfRule>
  </conditionalFormatting>
  <conditionalFormatting sqref="D94:D96">
    <cfRule type="containsBlanks" dxfId="7" priority="106">
      <formula>LEN(TRIM(D94))=0</formula>
    </cfRule>
  </conditionalFormatting>
  <conditionalFormatting sqref="C105:D105">
    <cfRule type="containsBlanks" dxfId="6" priority="102">
      <formula>LEN(TRIM(C105))=0</formula>
    </cfRule>
  </conditionalFormatting>
  <conditionalFormatting sqref="C104:D104">
    <cfRule type="containsBlanks" dxfId="5" priority="53">
      <formula>LEN(TRIM(C104))=0</formula>
    </cfRule>
  </conditionalFormatting>
  <conditionalFormatting sqref="C103:D103">
    <cfRule type="containsBlanks" dxfId="4" priority="52">
      <formula>LEN(TRIM(C103))=0</formula>
    </cfRule>
  </conditionalFormatting>
  <conditionalFormatting sqref="C106:D106">
    <cfRule type="containsBlanks" dxfId="3" priority="51">
      <formula>LEN(TRIM(C106))=0</formula>
    </cfRule>
  </conditionalFormatting>
  <conditionalFormatting sqref="D56:D64">
    <cfRule type="containsBlanks" dxfId="2" priority="46">
      <formula>LEN(TRIM(D56))=0</formula>
    </cfRule>
  </conditionalFormatting>
  <conditionalFormatting sqref="D97">
    <cfRule type="containsBlanks" dxfId="1" priority="44">
      <formula>LEN(TRIM(D97))=0</formula>
    </cfRule>
  </conditionalFormatting>
  <conditionalFormatting sqref="D68">
    <cfRule type="containsBlanks" dxfId="0" priority="43">
      <formula>LEN(TRIM(D68))=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1</xdr:row>
                    <xdr:rowOff>9525</xdr:rowOff>
                  </from>
                  <to>
                    <xdr:col>1</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2</xdr:row>
                    <xdr:rowOff>0</xdr:rowOff>
                  </from>
                  <to>
                    <xdr:col>1</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03-14T09:16:32Z</cp:lastPrinted>
  <dcterms:created xsi:type="dcterms:W3CDTF">2017-04-21T05:51:15Z</dcterms:created>
  <dcterms:modified xsi:type="dcterms:W3CDTF">2022-09-07T07:02:14Z</dcterms:modified>
</cp:coreProperties>
</file>